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4年度\02_財政グループ分\エクセル\資金不足作成\"/>
    </mc:Choice>
  </mc:AlternateContent>
  <bookViews>
    <workbookView xWindow="0" yWindow="0" windowWidth="20400" windowHeight="7236"/>
  </bookViews>
  <sheets>
    <sheet name="42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_FilterDatabase" localSheetId="0" hidden="1">'42'!$A$26:$G$26</definedName>
    <definedName name="_xlnm.Print_Area" localSheetId="0">'42'!$A$1:$E$87</definedName>
    <definedName name="_xlnm.Print_Titles" localSheetId="0">'42'!$A:$A,'42'!$1:$5</definedName>
  </definedNames>
  <calcPr calcId="162913"/>
</workbook>
</file>

<file path=xl/sharedStrings.xml><?xml version="1.0" encoding="utf-8"?>
<sst xmlns="http://schemas.openxmlformats.org/spreadsheetml/2006/main" count="337" uniqueCount="72">
  <si>
    <t>下水道事業特別会計</t>
  </si>
  <si>
    <t>水道事業会計</t>
  </si>
  <si>
    <t>病院事業会計</t>
  </si>
  <si>
    <t>相模原市</t>
    <rPh sb="0" eb="4">
      <t>サガミハラシ</t>
    </rPh>
    <phoneticPr fontId="0"/>
  </si>
  <si>
    <t>川崎市</t>
    <rPh sb="0" eb="3">
      <t>カワサキシ</t>
    </rPh>
    <phoneticPr fontId="0"/>
  </si>
  <si>
    <t>横浜市</t>
    <rPh sb="0" eb="3">
      <t>ヨコハマシ</t>
    </rPh>
    <phoneticPr fontId="0"/>
  </si>
  <si>
    <t>資金不足比率</t>
    <rPh sb="0" eb="2">
      <t>シキン</t>
    </rPh>
    <rPh sb="2" eb="4">
      <t>フソク</t>
    </rPh>
    <rPh sb="4" eb="6">
      <t>ヒリツ</t>
    </rPh>
    <phoneticPr fontId="0"/>
  </si>
  <si>
    <t>資金不足額</t>
    <rPh sb="0" eb="2">
      <t>シキン</t>
    </rPh>
    <rPh sb="2" eb="5">
      <t>フソクガク</t>
    </rPh>
    <phoneticPr fontId="0"/>
  </si>
  <si>
    <t>事業規模</t>
    <rPh sb="0" eb="2">
      <t>ジギョウ</t>
    </rPh>
    <rPh sb="2" eb="4">
      <t>キボ</t>
    </rPh>
    <phoneticPr fontId="0"/>
  </si>
  <si>
    <t>公営企業会計名</t>
    <rPh sb="0" eb="1">
      <t>コウ</t>
    </rPh>
    <rPh sb="1" eb="2">
      <t>エイ</t>
    </rPh>
    <rPh sb="2" eb="3">
      <t>クワダ</t>
    </rPh>
    <rPh sb="3" eb="4">
      <t>ギョウ</t>
    </rPh>
    <rPh sb="4" eb="5">
      <t>カイ</t>
    </rPh>
    <rPh sb="5" eb="6">
      <t>ケイ</t>
    </rPh>
    <rPh sb="6" eb="7">
      <t>メイ</t>
    </rPh>
    <phoneticPr fontId="0"/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下水道事業会計</t>
  </si>
  <si>
    <t>温泉事業会計</t>
  </si>
  <si>
    <t>工業用水道事業会計</t>
  </si>
  <si>
    <t>自動車事業会計</t>
  </si>
  <si>
    <t>高速鉄道事業会計</t>
  </si>
  <si>
    <t>埋立事業会計</t>
  </si>
  <si>
    <t>中央卸売市場費会計</t>
  </si>
  <si>
    <t>中央と畜場費会計</t>
  </si>
  <si>
    <t>風力発電事業費会計</t>
  </si>
  <si>
    <t>港湾整備事業費会計</t>
    <phoneticPr fontId="1"/>
  </si>
  <si>
    <t>自動車運送事業会計</t>
  </si>
  <si>
    <t>卸売市場事業特別会計</t>
  </si>
  <si>
    <t>港湾整備事業特別会計</t>
  </si>
  <si>
    <t>生田緑地ゴルフ場事業特別会計</t>
  </si>
  <si>
    <t>簡易水道事業会計</t>
  </si>
  <si>
    <t>下水道事業会計</t>
    <phoneticPr fontId="1"/>
  </si>
  <si>
    <t>水産物地方卸売市場事業特別会計</t>
  </si>
  <si>
    <t>市民病院事業会計</t>
  </si>
  <si>
    <t>下水道事業費特別会計</t>
    <phoneticPr fontId="1"/>
  </si>
  <si>
    <t>小田原城天守閣事業特別会計</t>
  </si>
  <si>
    <t>公設地方卸売市場事業特別会計</t>
  </si>
  <si>
    <t>公共下水道事業会計</t>
  </si>
  <si>
    <t>市場事業特別会計</t>
  </si>
  <si>
    <t>公共下水道事業会計</t>
    <rPh sb="0" eb="2">
      <t>コウキョウ</t>
    </rPh>
    <phoneticPr fontId="2"/>
  </si>
  <si>
    <t>上水道事業会計</t>
  </si>
  <si>
    <t>寄簡易水道事業特別会計</t>
  </si>
  <si>
    <t>温泉特別会計</t>
  </si>
  <si>
    <t>下水道事業会計</t>
    <rPh sb="3" eb="5">
      <t>ジギョウ</t>
    </rPh>
    <phoneticPr fontId="2"/>
  </si>
  <si>
    <t>公共下水道事業会計</t>
    <rPh sb="0" eb="2">
      <t>コウキョウ</t>
    </rPh>
    <rPh sb="7" eb="9">
      <t>カイケイ</t>
    </rPh>
    <phoneticPr fontId="2"/>
  </si>
  <si>
    <t>簡易水道事業特別会計</t>
  </si>
  <si>
    <t>-</t>
  </si>
  <si>
    <t>-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6" formatCode="&quot;¥&quot;#,##0;[Red]&quot;¥&quot;\-#,##0"/>
    <numFmt numFmtId="176" formatCode="#,##0;&quot;▲ &quot;#,##0"/>
    <numFmt numFmtId="177" formatCode="#,##0.0;&quot;▲ &quot;#,##0.0"/>
  </numFmts>
  <fonts count="5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2">
    <xf numFmtId="0" fontId="0" fillId="0" borderId="0">
      <alignment vertical="center"/>
    </xf>
    <xf numFmtId="0" fontId="3" fillId="0" borderId="0">
      <alignment vertical="center"/>
    </xf>
    <xf numFmtId="38" fontId="4" fillId="0" borderId="0" applyFont="0" applyFill="0" applyBorder="0" applyAlignment="0" applyProtection="0">
      <alignment vertical="center"/>
    </xf>
    <xf numFmtId="0" fontId="4" fillId="0" borderId="0"/>
    <xf numFmtId="38" fontId="4" fillId="0" borderId="0" applyFont="0" applyFill="0" applyBorder="0" applyAlignment="0" applyProtection="0"/>
    <xf numFmtId="38" fontId="4" fillId="0" borderId="0" applyFont="0" applyFill="0" applyBorder="0" applyAlignment="0" applyProtection="0"/>
    <xf numFmtId="38" fontId="3" fillId="0" borderId="0" applyFont="0" applyFill="0" applyBorder="0" applyAlignment="0" applyProtection="0">
      <alignment vertical="center"/>
    </xf>
    <xf numFmtId="6" fontId="4" fillId="0" borderId="0" applyFont="0" applyFill="0" applyBorder="0" applyAlignment="0" applyProtection="0">
      <alignment vertical="center"/>
    </xf>
    <xf numFmtId="6" fontId="4" fillId="0" borderId="0" applyFont="0" applyFill="0" applyBorder="0" applyAlignment="0" applyProtection="0"/>
    <xf numFmtId="0" fontId="4" fillId="0" borderId="0">
      <alignment vertical="center"/>
    </xf>
    <xf numFmtId="0" fontId="4" fillId="0" borderId="0"/>
    <xf numFmtId="0" fontId="4" fillId="0" borderId="0">
      <alignment vertical="center"/>
    </xf>
  </cellStyleXfs>
  <cellXfs count="29">
    <xf numFmtId="0" fontId="0" fillId="0" borderId="0" xfId="0">
      <alignment vertical="center"/>
    </xf>
    <xf numFmtId="0" fontId="2" fillId="0" borderId="9" xfId="0" applyNumberFormat="1" applyFont="1" applyFill="1" applyBorder="1" applyAlignment="1">
      <alignment horizontal="center" vertical="center" shrinkToFit="1"/>
    </xf>
    <xf numFmtId="0" fontId="2" fillId="0" borderId="8" xfId="0" applyNumberFormat="1" applyFont="1" applyFill="1" applyBorder="1" applyAlignment="1">
      <alignment horizontal="center" vertical="center" shrinkToFit="1"/>
    </xf>
    <xf numFmtId="0" fontId="2" fillId="0" borderId="0" xfId="0" applyNumberFormat="1" applyFont="1" applyFill="1" applyBorder="1" applyAlignment="1">
      <alignment horizontal="center" vertical="center" shrinkToFit="1"/>
    </xf>
    <xf numFmtId="0" fontId="2" fillId="0" borderId="7" xfId="0" applyNumberFormat="1" applyFont="1" applyFill="1" applyBorder="1" applyAlignment="1">
      <alignment horizontal="center" vertical="center" shrinkToFit="1"/>
    </xf>
    <xf numFmtId="0" fontId="2" fillId="0" borderId="6" xfId="0" applyNumberFormat="1" applyFont="1" applyFill="1" applyBorder="1" applyAlignment="1">
      <alignment horizontal="center" vertical="center" shrinkToFit="1"/>
    </xf>
    <xf numFmtId="0" fontId="2" fillId="0" borderId="6" xfId="0" quotePrefix="1" applyNumberFormat="1" applyFont="1" applyFill="1" applyBorder="1" applyAlignment="1">
      <alignment horizontal="center" vertical="center" shrinkToFit="1"/>
    </xf>
    <xf numFmtId="0" fontId="2" fillId="0" borderId="5" xfId="0" applyNumberFormat="1" applyFont="1" applyFill="1" applyBorder="1" applyAlignment="1">
      <alignment horizontal="center" vertical="center" shrinkToFit="1"/>
    </xf>
    <xf numFmtId="0" fontId="2" fillId="0" borderId="2" xfId="0" applyFont="1" applyFill="1" applyBorder="1" applyAlignment="1">
      <alignment horizontal="center" vertical="center"/>
    </xf>
    <xf numFmtId="176" fontId="2" fillId="0" borderId="2" xfId="0" applyNumberFormat="1" applyFont="1" applyFill="1" applyBorder="1" applyAlignment="1">
      <alignment vertical="center" shrinkToFit="1"/>
    </xf>
    <xf numFmtId="176" fontId="2" fillId="0" borderId="2" xfId="0" applyNumberFormat="1" applyFont="1" applyFill="1" applyBorder="1" applyAlignment="1">
      <alignment horizontal="right" vertical="center"/>
    </xf>
    <xf numFmtId="176" fontId="2" fillId="0" borderId="2" xfId="0" applyNumberFormat="1" applyFont="1" applyFill="1" applyBorder="1" applyAlignment="1">
      <alignment horizontal="center" vertical="center"/>
    </xf>
    <xf numFmtId="176" fontId="2" fillId="0" borderId="0" xfId="0" applyNumberFormat="1" applyFont="1" applyFill="1" applyAlignment="1">
      <alignment vertical="center" shrinkToFit="1"/>
    </xf>
    <xf numFmtId="0" fontId="2" fillId="0" borderId="3" xfId="0" applyFont="1" applyFill="1" applyBorder="1" applyAlignment="1">
      <alignment horizontal="center" vertical="center"/>
    </xf>
    <xf numFmtId="176" fontId="2" fillId="0" borderId="3" xfId="0" applyNumberFormat="1" applyFont="1" applyFill="1" applyBorder="1" applyAlignment="1">
      <alignment vertical="center" shrinkToFit="1"/>
    </xf>
    <xf numFmtId="176" fontId="2" fillId="0" borderId="3" xfId="0" applyNumberFormat="1" applyFont="1" applyFill="1" applyBorder="1" applyAlignment="1">
      <alignment horizontal="right" vertical="center"/>
    </xf>
    <xf numFmtId="176" fontId="2" fillId="0" borderId="3" xfId="0" applyNumberFormat="1" applyFont="1" applyFill="1" applyBorder="1" applyAlignment="1">
      <alignment horizontal="center" vertical="center"/>
    </xf>
    <xf numFmtId="176" fontId="2" fillId="0" borderId="0" xfId="0" applyNumberFormat="1" applyFont="1" applyFill="1" applyBorder="1" applyAlignment="1">
      <alignment vertical="center" shrinkToFit="1"/>
    </xf>
    <xf numFmtId="0" fontId="2" fillId="0" borderId="1" xfId="0" applyFont="1" applyFill="1" applyBorder="1" applyAlignment="1">
      <alignment horizontal="center" vertical="center"/>
    </xf>
    <xf numFmtId="176" fontId="2" fillId="0" borderId="1" xfId="0" applyNumberFormat="1" applyFont="1" applyFill="1" applyBorder="1" applyAlignment="1">
      <alignment vertical="center" shrinkToFit="1"/>
    </xf>
    <xf numFmtId="176" fontId="2" fillId="0" borderId="1" xfId="0" applyNumberFormat="1" applyFont="1" applyFill="1" applyBorder="1" applyAlignment="1">
      <alignment horizontal="right" vertical="center"/>
    </xf>
    <xf numFmtId="176" fontId="2" fillId="0" borderId="1" xfId="0" applyNumberFormat="1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176" fontId="2" fillId="0" borderId="4" xfId="0" applyNumberFormat="1" applyFont="1" applyFill="1" applyBorder="1" applyAlignment="1">
      <alignment vertical="center" shrinkToFit="1"/>
    </xf>
    <xf numFmtId="176" fontId="2" fillId="0" borderId="4" xfId="0" applyNumberFormat="1" applyFont="1" applyFill="1" applyBorder="1" applyAlignment="1">
      <alignment horizontal="right" vertical="center"/>
    </xf>
    <xf numFmtId="176" fontId="2" fillId="0" borderId="4" xfId="0" applyNumberFormat="1" applyFont="1" applyFill="1" applyBorder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176" fontId="2" fillId="0" borderId="10" xfId="0" applyNumberFormat="1" applyFont="1" applyFill="1" applyBorder="1" applyAlignment="1">
      <alignment horizontal="center" vertical="center"/>
    </xf>
    <xf numFmtId="177" fontId="2" fillId="0" borderId="1" xfId="0" applyNumberFormat="1" applyFont="1" applyFill="1" applyBorder="1" applyAlignment="1">
      <alignment horizontal="center" vertical="center"/>
    </xf>
  </cellXfs>
  <cellStyles count="12">
    <cellStyle name="桁区切り 2" xfId="4"/>
    <cellStyle name="桁区切り 2 2" xfId="5"/>
    <cellStyle name="桁区切り 3" xfId="2"/>
    <cellStyle name="桁区切り 4" xfId="6"/>
    <cellStyle name="通貨 2" xfId="7"/>
    <cellStyle name="通貨 3" xfId="8"/>
    <cellStyle name="標準" xfId="0" builtinId="0"/>
    <cellStyle name="標準 2" xfId="9"/>
    <cellStyle name="標準 2 2" xfId="10"/>
    <cellStyle name="標準 3" xfId="1"/>
    <cellStyle name="標準 4" xfId="11"/>
    <cellStyle name="標準 5" xfId="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G92"/>
  <sheetViews>
    <sheetView tabSelected="1" zoomScaleNormal="100" zoomScaleSheetLayoutView="100" workbookViewId="0">
      <selection activeCell="D12" sqref="D12"/>
    </sheetView>
  </sheetViews>
  <sheetFormatPr defaultColWidth="9.3984375" defaultRowHeight="10.8"/>
  <cols>
    <col min="1" max="1" width="11.3984375" style="26" customWidth="1"/>
    <col min="2" max="2" width="25.09765625" style="12" customWidth="1"/>
    <col min="3" max="3" width="10.19921875" style="12" customWidth="1"/>
    <col min="4" max="16384" width="9.3984375" style="12"/>
  </cols>
  <sheetData>
    <row r="1" spans="1:5" s="3" customFormat="1" ht="17.25" customHeight="1">
      <c r="A1" s="1"/>
      <c r="B1" s="2"/>
      <c r="C1" s="2"/>
      <c r="D1" s="2"/>
      <c r="E1" s="2"/>
    </row>
    <row r="2" spans="1:5" s="3" customFormat="1" ht="17.25" customHeight="1">
      <c r="A2" s="4"/>
      <c r="B2" s="5"/>
      <c r="C2" s="5"/>
      <c r="D2" s="5"/>
      <c r="E2" s="5"/>
    </row>
    <row r="3" spans="1:5" s="3" customFormat="1" ht="17.25" customHeight="1">
      <c r="A3" s="4"/>
      <c r="B3" s="5" t="s">
        <v>9</v>
      </c>
      <c r="C3" s="5" t="s">
        <v>8</v>
      </c>
      <c r="D3" s="5" t="s">
        <v>7</v>
      </c>
      <c r="E3" s="5" t="s">
        <v>6</v>
      </c>
    </row>
    <row r="4" spans="1:5" s="3" customFormat="1" ht="17.25" customHeight="1">
      <c r="A4" s="4"/>
      <c r="B4" s="6"/>
      <c r="C4" s="5"/>
      <c r="D4" s="5"/>
      <c r="E4" s="5"/>
    </row>
    <row r="5" spans="1:5" s="3" customFormat="1" ht="17.25" customHeight="1">
      <c r="A5" s="7"/>
      <c r="B5" s="7"/>
      <c r="C5" s="7"/>
      <c r="D5" s="7"/>
      <c r="E5" s="7"/>
    </row>
    <row r="6" spans="1:5" ht="17.25" customHeight="1">
      <c r="A6" s="8" t="s">
        <v>5</v>
      </c>
      <c r="B6" s="9" t="s">
        <v>1</v>
      </c>
      <c r="C6" s="10">
        <v>75629002</v>
      </c>
      <c r="D6" s="11" t="s">
        <v>71</v>
      </c>
      <c r="E6" s="11" t="s">
        <v>70</v>
      </c>
    </row>
    <row r="7" spans="1:5" s="17" customFormat="1" ht="17.25" customHeight="1">
      <c r="A7" s="13" t="s">
        <v>5</v>
      </c>
      <c r="B7" s="14" t="s">
        <v>42</v>
      </c>
      <c r="C7" s="15">
        <v>2536866</v>
      </c>
      <c r="D7" s="16" t="s">
        <v>71</v>
      </c>
      <c r="E7" s="16" t="s">
        <v>70</v>
      </c>
    </row>
    <row r="8" spans="1:5" ht="17.25" customHeight="1">
      <c r="A8" s="13" t="s">
        <v>5</v>
      </c>
      <c r="B8" s="14" t="s">
        <v>43</v>
      </c>
      <c r="C8" s="15">
        <v>17714205</v>
      </c>
      <c r="D8" s="16" t="s">
        <v>71</v>
      </c>
      <c r="E8" s="16" t="s">
        <v>70</v>
      </c>
    </row>
    <row r="9" spans="1:5" ht="17.25" customHeight="1">
      <c r="A9" s="13" t="s">
        <v>5</v>
      </c>
      <c r="B9" s="14" t="s">
        <v>44</v>
      </c>
      <c r="C9" s="15">
        <v>33563336</v>
      </c>
      <c r="D9" s="16" t="s">
        <v>71</v>
      </c>
      <c r="E9" s="16" t="s">
        <v>70</v>
      </c>
    </row>
    <row r="10" spans="1:5" ht="17.25" customHeight="1">
      <c r="A10" s="13" t="s">
        <v>5</v>
      </c>
      <c r="B10" s="14" t="s">
        <v>40</v>
      </c>
      <c r="C10" s="15">
        <v>91876155</v>
      </c>
      <c r="D10" s="16" t="s">
        <v>71</v>
      </c>
      <c r="E10" s="16" t="s">
        <v>70</v>
      </c>
    </row>
    <row r="11" spans="1:5" s="17" customFormat="1" ht="17.25" customHeight="1">
      <c r="A11" s="13" t="s">
        <v>5</v>
      </c>
      <c r="B11" s="14" t="s">
        <v>2</v>
      </c>
      <c r="C11" s="15">
        <v>52768715.689999998</v>
      </c>
      <c r="D11" s="16" t="s">
        <v>71</v>
      </c>
      <c r="E11" s="16" t="s">
        <v>70</v>
      </c>
    </row>
    <row r="12" spans="1:5" s="17" customFormat="1" ht="17.25" customHeight="1">
      <c r="A12" s="13" t="s">
        <v>5</v>
      </c>
      <c r="B12" s="14" t="s">
        <v>45</v>
      </c>
      <c r="C12" s="15">
        <v>335001923</v>
      </c>
      <c r="D12" s="16" t="s">
        <v>71</v>
      </c>
      <c r="E12" s="16" t="s">
        <v>70</v>
      </c>
    </row>
    <row r="13" spans="1:5" s="17" customFormat="1" ht="17.25" customHeight="1">
      <c r="A13" s="13" t="s">
        <v>5</v>
      </c>
      <c r="B13" s="14" t="s">
        <v>49</v>
      </c>
      <c r="C13" s="15">
        <v>1264341</v>
      </c>
      <c r="D13" s="16" t="s">
        <v>71</v>
      </c>
      <c r="E13" s="16" t="s">
        <v>70</v>
      </c>
    </row>
    <row r="14" spans="1:5" s="17" customFormat="1" ht="17.25" customHeight="1">
      <c r="A14" s="13" t="s">
        <v>5</v>
      </c>
      <c r="B14" s="14" t="s">
        <v>46</v>
      </c>
      <c r="C14" s="15">
        <v>2251684</v>
      </c>
      <c r="D14" s="16" t="s">
        <v>71</v>
      </c>
      <c r="E14" s="16" t="s">
        <v>70</v>
      </c>
    </row>
    <row r="15" spans="1:5" s="17" customFormat="1" ht="17.25" customHeight="1">
      <c r="A15" s="13" t="s">
        <v>5</v>
      </c>
      <c r="B15" s="14" t="s">
        <v>47</v>
      </c>
      <c r="C15" s="15">
        <v>252831</v>
      </c>
      <c r="D15" s="16" t="s">
        <v>71</v>
      </c>
      <c r="E15" s="16" t="s">
        <v>70</v>
      </c>
    </row>
    <row r="16" spans="1:5" s="17" customFormat="1" ht="17.25" customHeight="1">
      <c r="A16" s="13" t="s">
        <v>5</v>
      </c>
      <c r="B16" s="14" t="s">
        <v>48</v>
      </c>
      <c r="C16" s="15">
        <v>42299</v>
      </c>
      <c r="D16" s="16" t="s">
        <v>71</v>
      </c>
      <c r="E16" s="16" t="s">
        <v>70</v>
      </c>
    </row>
    <row r="17" spans="1:5" s="17" customFormat="1" ht="17.25" customHeight="1">
      <c r="A17" s="8" t="s">
        <v>4</v>
      </c>
      <c r="B17" s="9" t="s">
        <v>2</v>
      </c>
      <c r="C17" s="10">
        <v>35839225</v>
      </c>
      <c r="D17" s="11" t="s">
        <v>71</v>
      </c>
      <c r="E17" s="11" t="s">
        <v>70</v>
      </c>
    </row>
    <row r="18" spans="1:5" s="17" customFormat="1" ht="17.25" customHeight="1">
      <c r="A18" s="13" t="s">
        <v>4</v>
      </c>
      <c r="B18" s="14" t="s">
        <v>40</v>
      </c>
      <c r="C18" s="15">
        <v>32361872</v>
      </c>
      <c r="D18" s="16" t="s">
        <v>70</v>
      </c>
      <c r="E18" s="16" t="s">
        <v>70</v>
      </c>
    </row>
    <row r="19" spans="1:5" s="17" customFormat="1" ht="17.25" customHeight="1">
      <c r="A19" s="13" t="s">
        <v>4</v>
      </c>
      <c r="B19" s="14" t="s">
        <v>1</v>
      </c>
      <c r="C19" s="15">
        <v>28720914</v>
      </c>
      <c r="D19" s="16" t="s">
        <v>70</v>
      </c>
      <c r="E19" s="16" t="s">
        <v>70</v>
      </c>
    </row>
    <row r="20" spans="1:5" s="17" customFormat="1" ht="17.25" customHeight="1">
      <c r="A20" s="13" t="s">
        <v>4</v>
      </c>
      <c r="B20" s="14" t="s">
        <v>42</v>
      </c>
      <c r="C20" s="15">
        <v>6917683</v>
      </c>
      <c r="D20" s="16" t="s">
        <v>70</v>
      </c>
      <c r="E20" s="16" t="s">
        <v>70</v>
      </c>
    </row>
    <row r="21" spans="1:5" s="17" customFormat="1" ht="17.25" customHeight="1">
      <c r="A21" s="13" t="s">
        <v>4</v>
      </c>
      <c r="B21" s="14" t="s">
        <v>50</v>
      </c>
      <c r="C21" s="15">
        <v>7039635</v>
      </c>
      <c r="D21" s="16" t="s">
        <v>70</v>
      </c>
      <c r="E21" s="16" t="s">
        <v>70</v>
      </c>
    </row>
    <row r="22" spans="1:5" s="17" customFormat="1" ht="17.25" customHeight="1">
      <c r="A22" s="13" t="s">
        <v>4</v>
      </c>
      <c r="B22" s="14" t="s">
        <v>51</v>
      </c>
      <c r="C22" s="15">
        <v>917462</v>
      </c>
      <c r="D22" s="16" t="s">
        <v>70</v>
      </c>
      <c r="E22" s="16" t="s">
        <v>70</v>
      </c>
    </row>
    <row r="23" spans="1:5" ht="17.25" customHeight="1">
      <c r="A23" s="13" t="s">
        <v>4</v>
      </c>
      <c r="B23" s="14" t="s">
        <v>52</v>
      </c>
      <c r="C23" s="15">
        <v>1027659</v>
      </c>
      <c r="D23" s="16" t="s">
        <v>70</v>
      </c>
      <c r="E23" s="16" t="s">
        <v>70</v>
      </c>
    </row>
    <row r="24" spans="1:5" ht="17.25" customHeight="1">
      <c r="A24" s="18" t="s">
        <v>4</v>
      </c>
      <c r="B24" s="19" t="s">
        <v>53</v>
      </c>
      <c r="C24" s="20">
        <v>1276173</v>
      </c>
      <c r="D24" s="21" t="s">
        <v>70</v>
      </c>
      <c r="E24" s="21" t="s">
        <v>70</v>
      </c>
    </row>
    <row r="25" spans="1:5" ht="17.25" customHeight="1">
      <c r="A25" s="8" t="s">
        <v>3</v>
      </c>
      <c r="B25" s="9" t="s">
        <v>40</v>
      </c>
      <c r="C25" s="10">
        <v>10302432</v>
      </c>
      <c r="D25" s="11" t="s">
        <v>70</v>
      </c>
      <c r="E25" s="11" t="s">
        <v>70</v>
      </c>
    </row>
    <row r="26" spans="1:5" ht="17.25" customHeight="1">
      <c r="A26" s="13" t="s">
        <v>3</v>
      </c>
      <c r="B26" s="14" t="s">
        <v>54</v>
      </c>
      <c r="C26" s="15">
        <v>23081</v>
      </c>
      <c r="D26" s="16" t="s">
        <v>70</v>
      </c>
      <c r="E26" s="16" t="s">
        <v>70</v>
      </c>
    </row>
    <row r="27" spans="1:5" s="17" customFormat="1" ht="17.25" customHeight="1">
      <c r="A27" s="8" t="s">
        <v>10</v>
      </c>
      <c r="B27" s="9" t="s">
        <v>1</v>
      </c>
      <c r="C27" s="10">
        <v>8868773</v>
      </c>
      <c r="D27" s="11" t="s">
        <v>70</v>
      </c>
      <c r="E27" s="11" t="s">
        <v>70</v>
      </c>
    </row>
    <row r="28" spans="1:5" s="17" customFormat="1" ht="17.25" customHeight="1">
      <c r="A28" s="13" t="s">
        <v>10</v>
      </c>
      <c r="B28" s="14" t="s">
        <v>55</v>
      </c>
      <c r="C28" s="15">
        <v>8877462</v>
      </c>
      <c r="D28" s="16" t="s">
        <v>70</v>
      </c>
      <c r="E28" s="16" t="s">
        <v>70</v>
      </c>
    </row>
    <row r="29" spans="1:5" s="17" customFormat="1" ht="17.25" customHeight="1">
      <c r="A29" s="18" t="s">
        <v>10</v>
      </c>
      <c r="B29" s="19" t="s">
        <v>2</v>
      </c>
      <c r="C29" s="20">
        <v>17977374</v>
      </c>
      <c r="D29" s="21" t="s">
        <v>70</v>
      </c>
      <c r="E29" s="21" t="s">
        <v>70</v>
      </c>
    </row>
    <row r="30" spans="1:5" s="17" customFormat="1" ht="17.25" customHeight="1">
      <c r="A30" s="8" t="s">
        <v>11</v>
      </c>
      <c r="B30" s="9" t="s">
        <v>2</v>
      </c>
      <c r="C30" s="10">
        <v>12006778</v>
      </c>
      <c r="D30" s="11" t="s">
        <v>70</v>
      </c>
      <c r="E30" s="11" t="s">
        <v>70</v>
      </c>
    </row>
    <row r="31" spans="1:5" s="17" customFormat="1" ht="17.25" customHeight="1">
      <c r="A31" s="13" t="s">
        <v>11</v>
      </c>
      <c r="B31" s="14" t="s">
        <v>40</v>
      </c>
      <c r="C31" s="15">
        <v>4742124</v>
      </c>
      <c r="D31" s="16" t="s">
        <v>70</v>
      </c>
      <c r="E31" s="16" t="s">
        <v>70</v>
      </c>
    </row>
    <row r="32" spans="1:5" s="17" customFormat="1" ht="17.25" customHeight="1">
      <c r="A32" s="18" t="s">
        <v>11</v>
      </c>
      <c r="B32" s="19" t="s">
        <v>56</v>
      </c>
      <c r="C32" s="20">
        <v>0</v>
      </c>
      <c r="D32" s="21" t="s">
        <v>70</v>
      </c>
      <c r="E32" s="21" t="s">
        <v>70</v>
      </c>
    </row>
    <row r="33" spans="1:7" s="17" customFormat="1" ht="17.25" customHeight="1">
      <c r="A33" s="22" t="s">
        <v>12</v>
      </c>
      <c r="B33" s="23" t="s">
        <v>40</v>
      </c>
      <c r="C33" s="24">
        <v>2694301</v>
      </c>
      <c r="D33" s="25" t="s">
        <v>70</v>
      </c>
      <c r="E33" s="25" t="s">
        <v>70</v>
      </c>
    </row>
    <row r="34" spans="1:7" s="17" customFormat="1" ht="17.25" customHeight="1">
      <c r="A34" s="8" t="s">
        <v>13</v>
      </c>
      <c r="B34" s="9" t="s">
        <v>58</v>
      </c>
      <c r="C34" s="10">
        <v>8987347</v>
      </c>
      <c r="D34" s="11" t="s">
        <v>70</v>
      </c>
      <c r="E34" s="11" t="s">
        <v>70</v>
      </c>
    </row>
    <row r="35" spans="1:7" s="17" customFormat="1" ht="17.25" customHeight="1">
      <c r="A35" s="13" t="s">
        <v>13</v>
      </c>
      <c r="B35" s="14" t="s">
        <v>57</v>
      </c>
      <c r="C35" s="15">
        <v>19034726</v>
      </c>
      <c r="D35" s="16" t="s">
        <v>70</v>
      </c>
      <c r="E35" s="16" t="s">
        <v>70</v>
      </c>
    </row>
    <row r="36" spans="1:7" ht="17.25" customHeight="1">
      <c r="A36" s="8" t="s">
        <v>14</v>
      </c>
      <c r="B36" s="9" t="s">
        <v>1</v>
      </c>
      <c r="C36" s="10">
        <v>2576292</v>
      </c>
      <c r="D36" s="11" t="s">
        <v>70</v>
      </c>
      <c r="E36" s="11" t="s">
        <v>70</v>
      </c>
      <c r="G36" s="17"/>
    </row>
    <row r="37" spans="1:7" ht="17.25" customHeight="1">
      <c r="A37" s="13" t="s">
        <v>14</v>
      </c>
      <c r="B37" s="14" t="s">
        <v>2</v>
      </c>
      <c r="C37" s="15">
        <v>12833886</v>
      </c>
      <c r="D37" s="16" t="s">
        <v>70</v>
      </c>
      <c r="E37" s="16" t="s">
        <v>70</v>
      </c>
      <c r="G37" s="17"/>
    </row>
    <row r="38" spans="1:7" ht="17.25" customHeight="1">
      <c r="A38" s="13" t="s">
        <v>14</v>
      </c>
      <c r="B38" s="14" t="s">
        <v>55</v>
      </c>
      <c r="C38" s="15">
        <v>3898046</v>
      </c>
      <c r="D38" s="16" t="s">
        <v>70</v>
      </c>
      <c r="E38" s="16" t="s">
        <v>70</v>
      </c>
      <c r="G38" s="17"/>
    </row>
    <row r="39" spans="1:7" ht="17.25" customHeight="1">
      <c r="A39" s="13" t="s">
        <v>14</v>
      </c>
      <c r="B39" s="14" t="s">
        <v>59</v>
      </c>
      <c r="C39" s="15">
        <v>0</v>
      </c>
      <c r="D39" s="16" t="s">
        <v>70</v>
      </c>
      <c r="E39" s="16" t="s">
        <v>70</v>
      </c>
      <c r="G39" s="17"/>
    </row>
    <row r="40" spans="1:7" ht="17.25" customHeight="1">
      <c r="A40" s="18" t="s">
        <v>14</v>
      </c>
      <c r="B40" s="19" t="s">
        <v>60</v>
      </c>
      <c r="C40" s="20">
        <v>90659</v>
      </c>
      <c r="D40" s="21" t="s">
        <v>70</v>
      </c>
      <c r="E40" s="21" t="s">
        <v>70</v>
      </c>
      <c r="G40" s="17"/>
    </row>
    <row r="41" spans="1:7" ht="17.25" customHeight="1">
      <c r="A41" s="8" t="s">
        <v>15</v>
      </c>
      <c r="B41" s="9" t="s">
        <v>61</v>
      </c>
      <c r="C41" s="10">
        <v>4243549</v>
      </c>
      <c r="D41" s="11" t="s">
        <v>70</v>
      </c>
      <c r="E41" s="11" t="s">
        <v>70</v>
      </c>
      <c r="G41" s="17"/>
    </row>
    <row r="42" spans="1:7" ht="17.25" customHeight="1">
      <c r="A42" s="18" t="s">
        <v>15</v>
      </c>
      <c r="B42" s="19" t="s">
        <v>2</v>
      </c>
      <c r="C42" s="20">
        <v>10337987</v>
      </c>
      <c r="D42" s="21" t="s">
        <v>70</v>
      </c>
      <c r="E42" s="21" t="s">
        <v>70</v>
      </c>
      <c r="G42" s="17"/>
    </row>
    <row r="43" spans="1:7" ht="17.25" customHeight="1">
      <c r="A43" s="22" t="s">
        <v>16</v>
      </c>
      <c r="B43" s="23" t="s">
        <v>40</v>
      </c>
      <c r="C43" s="24">
        <v>906573</v>
      </c>
      <c r="D43" s="25" t="s">
        <v>70</v>
      </c>
      <c r="E43" s="25" t="s">
        <v>70</v>
      </c>
      <c r="G43" s="17"/>
    </row>
    <row r="44" spans="1:7" ht="17.25" customHeight="1">
      <c r="A44" s="8" t="s">
        <v>17</v>
      </c>
      <c r="B44" s="9" t="s">
        <v>2</v>
      </c>
      <c r="C44" s="10">
        <v>2406460</v>
      </c>
      <c r="D44" s="11" t="s">
        <v>70</v>
      </c>
      <c r="E44" s="11" t="s">
        <v>70</v>
      </c>
      <c r="G44" s="17"/>
    </row>
    <row r="45" spans="1:7" ht="17.25" customHeight="1">
      <c r="A45" s="13" t="s">
        <v>17</v>
      </c>
      <c r="B45" s="14" t="s">
        <v>1</v>
      </c>
      <c r="C45" s="15">
        <v>1013880</v>
      </c>
      <c r="D45" s="16" t="s">
        <v>70</v>
      </c>
      <c r="E45" s="16" t="s">
        <v>70</v>
      </c>
      <c r="G45" s="17"/>
    </row>
    <row r="46" spans="1:7" ht="17.25" customHeight="1">
      <c r="A46" s="13" t="s">
        <v>17</v>
      </c>
      <c r="B46" s="14" t="s">
        <v>61</v>
      </c>
      <c r="C46" s="15">
        <v>244919</v>
      </c>
      <c r="D46" s="16" t="s">
        <v>70</v>
      </c>
      <c r="E46" s="16" t="s">
        <v>70</v>
      </c>
      <c r="G46" s="17"/>
    </row>
    <row r="47" spans="1:7" ht="17.25" customHeight="1">
      <c r="A47" s="18" t="s">
        <v>17</v>
      </c>
      <c r="B47" s="19" t="s">
        <v>62</v>
      </c>
      <c r="C47" s="20">
        <v>151804</v>
      </c>
      <c r="D47" s="21" t="s">
        <v>70</v>
      </c>
      <c r="E47" s="21" t="s">
        <v>70</v>
      </c>
      <c r="G47" s="17"/>
    </row>
    <row r="48" spans="1:7" ht="17.25" customHeight="1">
      <c r="A48" s="8" t="s">
        <v>18</v>
      </c>
      <c r="B48" s="9" t="s">
        <v>1</v>
      </c>
      <c r="C48" s="10">
        <v>2189731</v>
      </c>
      <c r="D48" s="11" t="s">
        <v>70</v>
      </c>
      <c r="E48" s="11" t="s">
        <v>70</v>
      </c>
      <c r="G48" s="17"/>
    </row>
    <row r="49" spans="1:7" ht="17.25" customHeight="1">
      <c r="A49" s="18" t="s">
        <v>18</v>
      </c>
      <c r="B49" s="19" t="s">
        <v>61</v>
      </c>
      <c r="C49" s="20">
        <v>2573693</v>
      </c>
      <c r="D49" s="21" t="s">
        <v>70</v>
      </c>
      <c r="E49" s="21" t="s">
        <v>70</v>
      </c>
      <c r="G49" s="17"/>
    </row>
    <row r="50" spans="1:7" ht="17.25" customHeight="1">
      <c r="A50" s="8" t="s">
        <v>19</v>
      </c>
      <c r="B50" s="9" t="s">
        <v>2</v>
      </c>
      <c r="C50" s="10">
        <v>9331774</v>
      </c>
      <c r="D50" s="27" t="s">
        <v>70</v>
      </c>
      <c r="E50" s="27" t="s">
        <v>70</v>
      </c>
      <c r="G50" s="17"/>
    </row>
    <row r="51" spans="1:7" ht="17.25" customHeight="1">
      <c r="A51" s="18" t="s">
        <v>19</v>
      </c>
      <c r="B51" s="19" t="s">
        <v>61</v>
      </c>
      <c r="C51" s="20">
        <v>3439847</v>
      </c>
      <c r="D51" s="21" t="s">
        <v>70</v>
      </c>
      <c r="E51" s="21" t="s">
        <v>70</v>
      </c>
      <c r="G51" s="17"/>
    </row>
    <row r="52" spans="1:7" ht="17.25" customHeight="1">
      <c r="A52" s="8" t="s">
        <v>20</v>
      </c>
      <c r="B52" s="9" t="s">
        <v>2</v>
      </c>
      <c r="C52" s="10">
        <v>9532809</v>
      </c>
      <c r="D52" s="11" t="s">
        <v>70</v>
      </c>
      <c r="E52" s="11" t="s">
        <v>70</v>
      </c>
      <c r="G52" s="17"/>
    </row>
    <row r="53" spans="1:7" ht="17.25" customHeight="1">
      <c r="A53" s="18" t="s">
        <v>20</v>
      </c>
      <c r="B53" s="19" t="s">
        <v>40</v>
      </c>
      <c r="C53" s="20">
        <v>3787893</v>
      </c>
      <c r="D53" s="21" t="s">
        <v>70</v>
      </c>
      <c r="E53" s="21" t="s">
        <v>70</v>
      </c>
      <c r="G53" s="17"/>
    </row>
    <row r="54" spans="1:7" ht="17.25" customHeight="1">
      <c r="A54" s="22" t="s">
        <v>21</v>
      </c>
      <c r="B54" s="23" t="s">
        <v>63</v>
      </c>
      <c r="C54" s="24">
        <v>1445145</v>
      </c>
      <c r="D54" s="25" t="s">
        <v>70</v>
      </c>
      <c r="E54" s="25" t="s">
        <v>70</v>
      </c>
      <c r="G54" s="17"/>
    </row>
    <row r="55" spans="1:7" ht="17.25" customHeight="1">
      <c r="A55" s="22" t="s">
        <v>22</v>
      </c>
      <c r="B55" s="23" t="s">
        <v>63</v>
      </c>
      <c r="C55" s="24">
        <v>1855809</v>
      </c>
      <c r="D55" s="25" t="s">
        <v>70</v>
      </c>
      <c r="E55" s="25" t="s">
        <v>70</v>
      </c>
      <c r="G55" s="17"/>
    </row>
    <row r="56" spans="1:7" ht="17.25" customHeight="1">
      <c r="A56" s="8" t="s">
        <v>23</v>
      </c>
      <c r="B56" s="9" t="s">
        <v>1</v>
      </c>
      <c r="C56" s="10">
        <v>1648632</v>
      </c>
      <c r="D56" s="11" t="s">
        <v>70</v>
      </c>
      <c r="E56" s="11" t="s">
        <v>70</v>
      </c>
      <c r="G56" s="17"/>
    </row>
    <row r="57" spans="1:7" ht="17.25" customHeight="1">
      <c r="A57" s="18" t="s">
        <v>23</v>
      </c>
      <c r="B57" s="19" t="s">
        <v>61</v>
      </c>
      <c r="C57" s="20">
        <v>2064197</v>
      </c>
      <c r="D57" s="21" t="s">
        <v>70</v>
      </c>
      <c r="E57" s="21" t="s">
        <v>70</v>
      </c>
      <c r="G57" s="17"/>
    </row>
    <row r="58" spans="1:7" ht="17.25" customHeight="1">
      <c r="A58" s="8" t="s">
        <v>24</v>
      </c>
      <c r="B58" s="9" t="s">
        <v>1</v>
      </c>
      <c r="C58" s="10">
        <v>554808</v>
      </c>
      <c r="D58" s="11" t="s">
        <v>70</v>
      </c>
      <c r="E58" s="11" t="s">
        <v>70</v>
      </c>
      <c r="G58" s="17"/>
    </row>
    <row r="59" spans="1:7" ht="17.25" customHeight="1">
      <c r="A59" s="18" t="s">
        <v>24</v>
      </c>
      <c r="B59" s="19" t="s">
        <v>63</v>
      </c>
      <c r="C59" s="20">
        <v>618287</v>
      </c>
      <c r="D59" s="21" t="s">
        <v>70</v>
      </c>
      <c r="E59" s="21" t="s">
        <v>70</v>
      </c>
      <c r="G59" s="17"/>
    </row>
    <row r="60" spans="1:7" ht="17.25" customHeight="1">
      <c r="A60" s="22" t="s">
        <v>25</v>
      </c>
      <c r="B60" s="23" t="s">
        <v>63</v>
      </c>
      <c r="C60" s="24">
        <v>1256667</v>
      </c>
      <c r="D60" s="25" t="s">
        <v>70</v>
      </c>
      <c r="E60" s="25" t="s">
        <v>70</v>
      </c>
      <c r="G60" s="17"/>
    </row>
    <row r="61" spans="1:7" ht="17.25" customHeight="1">
      <c r="A61" s="22" t="s">
        <v>26</v>
      </c>
      <c r="B61" s="23" t="s">
        <v>40</v>
      </c>
      <c r="C61" s="24">
        <v>298699</v>
      </c>
      <c r="D61" s="25" t="s">
        <v>70</v>
      </c>
      <c r="E61" s="25" t="s">
        <v>70</v>
      </c>
      <c r="G61" s="17"/>
    </row>
    <row r="62" spans="1:7" ht="17.25" customHeight="1">
      <c r="A62" s="22" t="s">
        <v>27</v>
      </c>
      <c r="B62" s="23" t="s">
        <v>0</v>
      </c>
      <c r="C62" s="24">
        <v>730971</v>
      </c>
      <c r="D62" s="25" t="s">
        <v>70</v>
      </c>
      <c r="E62" s="25" t="s">
        <v>70</v>
      </c>
      <c r="G62" s="17"/>
    </row>
    <row r="63" spans="1:7" ht="17.25" customHeight="1">
      <c r="A63" s="22" t="s">
        <v>28</v>
      </c>
      <c r="B63" s="23" t="s">
        <v>40</v>
      </c>
      <c r="C63" s="24">
        <v>367364</v>
      </c>
      <c r="D63" s="25" t="s">
        <v>70</v>
      </c>
      <c r="E63" s="25" t="s">
        <v>70</v>
      </c>
      <c r="G63" s="17"/>
    </row>
    <row r="64" spans="1:7" ht="17.25" customHeight="1">
      <c r="A64" s="22" t="s">
        <v>29</v>
      </c>
      <c r="B64" s="23" t="s">
        <v>0</v>
      </c>
      <c r="C64" s="24">
        <v>312915</v>
      </c>
      <c r="D64" s="25" t="s">
        <v>70</v>
      </c>
      <c r="E64" s="25" t="s">
        <v>70</v>
      </c>
      <c r="G64" s="17"/>
    </row>
    <row r="65" spans="1:7" ht="17.25" customHeight="1">
      <c r="A65" s="8" t="s">
        <v>30</v>
      </c>
      <c r="B65" s="9" t="s">
        <v>1</v>
      </c>
      <c r="C65" s="10">
        <v>268365</v>
      </c>
      <c r="D65" s="11" t="s">
        <v>70</v>
      </c>
      <c r="E65" s="11" t="s">
        <v>70</v>
      </c>
      <c r="G65" s="17"/>
    </row>
    <row r="66" spans="1:7" ht="17.25" customHeight="1">
      <c r="A66" s="18" t="s">
        <v>30</v>
      </c>
      <c r="B66" s="19" t="s">
        <v>40</v>
      </c>
      <c r="C66" s="20">
        <v>103270</v>
      </c>
      <c r="D66" s="21" t="s">
        <v>70</v>
      </c>
      <c r="E66" s="21" t="s">
        <v>70</v>
      </c>
      <c r="G66" s="17"/>
    </row>
    <row r="67" spans="1:7" ht="17.25" customHeight="1">
      <c r="A67" s="8" t="s">
        <v>31</v>
      </c>
      <c r="B67" s="9" t="s">
        <v>1</v>
      </c>
      <c r="C67" s="10">
        <v>247672</v>
      </c>
      <c r="D67" s="11" t="s">
        <v>70</v>
      </c>
      <c r="E67" s="11" t="s">
        <v>70</v>
      </c>
      <c r="G67" s="17"/>
    </row>
    <row r="68" spans="1:7" ht="17.25" customHeight="1">
      <c r="A68" s="18" t="s">
        <v>31</v>
      </c>
      <c r="B68" s="19" t="s">
        <v>63</v>
      </c>
      <c r="C68" s="20">
        <v>191196</v>
      </c>
      <c r="D68" s="21" t="s">
        <v>70</v>
      </c>
      <c r="E68" s="21" t="s">
        <v>70</v>
      </c>
      <c r="G68" s="17"/>
    </row>
    <row r="69" spans="1:7" ht="17.25" customHeight="1">
      <c r="A69" s="8" t="s">
        <v>32</v>
      </c>
      <c r="B69" s="9" t="s">
        <v>64</v>
      </c>
      <c r="C69" s="10">
        <v>82902</v>
      </c>
      <c r="D69" s="11" t="s">
        <v>70</v>
      </c>
      <c r="E69" s="11" t="s">
        <v>70</v>
      </c>
      <c r="G69" s="17"/>
    </row>
    <row r="70" spans="1:7" ht="17.25" customHeight="1">
      <c r="A70" s="13" t="s">
        <v>32</v>
      </c>
      <c r="B70" s="14" t="s">
        <v>0</v>
      </c>
      <c r="C70" s="15">
        <v>117489</v>
      </c>
      <c r="D70" s="16" t="s">
        <v>70</v>
      </c>
      <c r="E70" s="16" t="s">
        <v>70</v>
      </c>
      <c r="G70" s="17"/>
    </row>
    <row r="71" spans="1:7" ht="17.25" customHeight="1">
      <c r="A71" s="18" t="s">
        <v>32</v>
      </c>
      <c r="B71" s="19" t="s">
        <v>65</v>
      </c>
      <c r="C71" s="20">
        <v>13713</v>
      </c>
      <c r="D71" s="21" t="s">
        <v>70</v>
      </c>
      <c r="E71" s="21" t="s">
        <v>70</v>
      </c>
      <c r="G71" s="17"/>
    </row>
    <row r="72" spans="1:7" ht="17.25" customHeight="1">
      <c r="A72" s="8" t="s">
        <v>33</v>
      </c>
      <c r="B72" s="9" t="s">
        <v>1</v>
      </c>
      <c r="C72" s="10">
        <v>148633</v>
      </c>
      <c r="D72" s="11" t="s">
        <v>70</v>
      </c>
      <c r="E72" s="11" t="s">
        <v>70</v>
      </c>
      <c r="G72" s="17"/>
    </row>
    <row r="73" spans="1:7" ht="17.25" customHeight="1">
      <c r="A73" s="18" t="s">
        <v>33</v>
      </c>
      <c r="B73" s="19" t="s">
        <v>0</v>
      </c>
      <c r="C73" s="20">
        <v>165305</v>
      </c>
      <c r="D73" s="21" t="s">
        <v>70</v>
      </c>
      <c r="E73" s="21" t="s">
        <v>70</v>
      </c>
      <c r="G73" s="17"/>
    </row>
    <row r="74" spans="1:7" ht="17.25" customHeight="1">
      <c r="A74" s="8" t="s">
        <v>34</v>
      </c>
      <c r="B74" s="9" t="s">
        <v>1</v>
      </c>
      <c r="C74" s="10">
        <v>196612</v>
      </c>
      <c r="D74" s="11" t="s">
        <v>70</v>
      </c>
      <c r="E74" s="11" t="s">
        <v>70</v>
      </c>
      <c r="G74" s="17"/>
    </row>
    <row r="75" spans="1:7" ht="17.25" customHeight="1">
      <c r="A75" s="18" t="s">
        <v>34</v>
      </c>
      <c r="B75" s="19" t="s">
        <v>40</v>
      </c>
      <c r="C75" s="20">
        <v>233014</v>
      </c>
      <c r="D75" s="21" t="s">
        <v>70</v>
      </c>
      <c r="E75" s="21" t="s">
        <v>70</v>
      </c>
      <c r="G75" s="17"/>
    </row>
    <row r="76" spans="1:7" ht="17.25" customHeight="1">
      <c r="A76" s="8" t="s">
        <v>35</v>
      </c>
      <c r="B76" s="9" t="s">
        <v>1</v>
      </c>
      <c r="C76" s="10">
        <v>317500</v>
      </c>
      <c r="D76" s="11" t="s">
        <v>70</v>
      </c>
      <c r="E76" s="11" t="s">
        <v>70</v>
      </c>
      <c r="G76" s="17"/>
    </row>
    <row r="77" spans="1:7" ht="17.25" customHeight="1">
      <c r="A77" s="13" t="s">
        <v>35</v>
      </c>
      <c r="B77" s="14" t="s">
        <v>63</v>
      </c>
      <c r="C77" s="15">
        <v>580066</v>
      </c>
      <c r="D77" s="16" t="s">
        <v>70</v>
      </c>
      <c r="E77" s="16" t="s">
        <v>70</v>
      </c>
      <c r="G77" s="17"/>
    </row>
    <row r="78" spans="1:7" ht="17.25" customHeight="1">
      <c r="A78" s="18" t="s">
        <v>35</v>
      </c>
      <c r="B78" s="19" t="s">
        <v>66</v>
      </c>
      <c r="C78" s="20">
        <v>141920</v>
      </c>
      <c r="D78" s="21" t="s">
        <v>70</v>
      </c>
      <c r="E78" s="21" t="s">
        <v>70</v>
      </c>
      <c r="G78" s="17"/>
    </row>
    <row r="79" spans="1:7" ht="17.25" customHeight="1">
      <c r="A79" s="8" t="s">
        <v>36</v>
      </c>
      <c r="B79" s="9" t="s">
        <v>1</v>
      </c>
      <c r="C79" s="10">
        <v>187794</v>
      </c>
      <c r="D79" s="11" t="s">
        <v>70</v>
      </c>
      <c r="E79" s="11" t="s">
        <v>70</v>
      </c>
      <c r="G79" s="17"/>
    </row>
    <row r="80" spans="1:7" ht="17.25" customHeight="1">
      <c r="A80" s="18" t="s">
        <v>36</v>
      </c>
      <c r="B80" s="19" t="s">
        <v>0</v>
      </c>
      <c r="C80" s="20">
        <v>21549</v>
      </c>
      <c r="D80" s="21" t="s">
        <v>70</v>
      </c>
      <c r="E80" s="21" t="s">
        <v>70</v>
      </c>
      <c r="G80" s="17"/>
    </row>
    <row r="81" spans="1:7" ht="17.25" customHeight="1">
      <c r="A81" s="8" t="s">
        <v>37</v>
      </c>
      <c r="B81" s="9" t="s">
        <v>1</v>
      </c>
      <c r="C81" s="10">
        <v>386549</v>
      </c>
      <c r="D81" s="11" t="s">
        <v>70</v>
      </c>
      <c r="E81" s="11" t="s">
        <v>70</v>
      </c>
      <c r="G81" s="17"/>
    </row>
    <row r="82" spans="1:7" ht="17.25" customHeight="1">
      <c r="A82" s="13" t="s">
        <v>37</v>
      </c>
      <c r="B82" s="14" t="s">
        <v>41</v>
      </c>
      <c r="C82" s="15">
        <v>163263</v>
      </c>
      <c r="D82" s="16" t="s">
        <v>70</v>
      </c>
      <c r="E82" s="16" t="s">
        <v>70</v>
      </c>
      <c r="G82" s="17"/>
    </row>
    <row r="83" spans="1:7" ht="17.25" customHeight="1">
      <c r="A83" s="18" t="s">
        <v>37</v>
      </c>
      <c r="B83" s="19" t="s">
        <v>67</v>
      </c>
      <c r="C83" s="20">
        <v>435942</v>
      </c>
      <c r="D83" s="21" t="s">
        <v>70</v>
      </c>
      <c r="E83" s="21" t="s">
        <v>70</v>
      </c>
      <c r="G83" s="17"/>
    </row>
    <row r="84" spans="1:7" ht="17.25" customHeight="1">
      <c r="A84" s="8" t="s">
        <v>38</v>
      </c>
      <c r="B84" s="9" t="s">
        <v>1</v>
      </c>
      <c r="C84" s="10">
        <v>516158</v>
      </c>
      <c r="D84" s="11" t="s">
        <v>70</v>
      </c>
      <c r="E84" s="11" t="s">
        <v>70</v>
      </c>
      <c r="G84" s="17"/>
    </row>
    <row r="85" spans="1:7" ht="17.25" customHeight="1">
      <c r="A85" s="18" t="s">
        <v>38</v>
      </c>
      <c r="B85" s="19" t="s">
        <v>68</v>
      </c>
      <c r="C85" s="20">
        <v>557849</v>
      </c>
      <c r="D85" s="21" t="s">
        <v>70</v>
      </c>
      <c r="E85" s="28" t="s">
        <v>70</v>
      </c>
      <c r="G85" s="17"/>
    </row>
    <row r="86" spans="1:7" ht="17.25" customHeight="1">
      <c r="A86" s="8" t="s">
        <v>39</v>
      </c>
      <c r="B86" s="9" t="s">
        <v>69</v>
      </c>
      <c r="C86" s="10">
        <v>52859</v>
      </c>
      <c r="D86" s="11" t="s">
        <v>70</v>
      </c>
      <c r="E86" s="11" t="s">
        <v>70</v>
      </c>
      <c r="G86" s="17"/>
    </row>
    <row r="87" spans="1:7" ht="17.25" customHeight="1">
      <c r="A87" s="18" t="s">
        <v>39</v>
      </c>
      <c r="B87" s="19" t="s">
        <v>0</v>
      </c>
      <c r="C87" s="20">
        <v>41025</v>
      </c>
      <c r="D87" s="21" t="s">
        <v>70</v>
      </c>
      <c r="E87" s="21" t="s">
        <v>70</v>
      </c>
      <c r="G87" s="17"/>
    </row>
    <row r="88" spans="1:7" hidden="1">
      <c r="A88" s="26" t="s">
        <v>37</v>
      </c>
      <c r="G88" s="17"/>
    </row>
    <row r="89" spans="1:7" hidden="1">
      <c r="A89" s="26" t="s">
        <v>38</v>
      </c>
      <c r="G89" s="17"/>
    </row>
    <row r="90" spans="1:7" hidden="1">
      <c r="A90" s="26" t="s">
        <v>38</v>
      </c>
      <c r="G90" s="17"/>
    </row>
    <row r="91" spans="1:7" hidden="1">
      <c r="A91" s="26" t="s">
        <v>39</v>
      </c>
      <c r="G91" s="17"/>
    </row>
    <row r="92" spans="1:7" hidden="1">
      <c r="A92" s="26" t="s">
        <v>39</v>
      </c>
      <c r="G92" s="17"/>
    </row>
  </sheetData>
  <phoneticPr fontI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４　令和３年度決算に基づく市町村健全化判断比率等
　（２）資金不足比率［&amp;P/&amp;N］&amp;R&amp;"ＭＳ ゴシック,標準"&amp;10
（単位：％、千円）</oddHeader>
  </headerFooter>
  <rowBreaks count="2" manualBreakCount="2">
    <brk id="42" max="4" man="1"/>
    <brk id="80" max="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42</vt:lpstr>
      <vt:lpstr>'42'!Print_Area</vt:lpstr>
      <vt:lpstr>'42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2-12-23T04:27:00Z</cp:lastPrinted>
  <dcterms:created xsi:type="dcterms:W3CDTF">2013-03-18T10:26:14Z</dcterms:created>
  <dcterms:modified xsi:type="dcterms:W3CDTF">2022-12-23T04:27:07Z</dcterms:modified>
</cp:coreProperties>
</file>